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120" yWindow="-120" windowWidth="19440" windowHeight="15000"/>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3</definedName>
  </definedNames>
  <calcPr calcId="152511" calcMode="manual"/>
</workbook>
</file>

<file path=xl/sharedStrings.xml><?xml version="1.0" encoding="utf-8"?>
<sst xmlns="http://schemas.openxmlformats.org/spreadsheetml/2006/main" count="1155" uniqueCount="874">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鎌倉高校</t>
    <rPh sb="0" eb="2">
      <t>カマクラ</t>
    </rPh>
    <rPh sb="2" eb="4">
      <t>コウコウ</t>
    </rPh>
    <phoneticPr fontId="1"/>
  </si>
  <si>
    <t>090</t>
    <phoneticPr fontId="1"/>
  </si>
  <si>
    <t>002</t>
    <phoneticPr fontId="1"/>
  </si>
  <si>
    <t>学び続ける力</t>
    <rPh sb="0" eb="1">
      <t>マナ</t>
    </rPh>
    <rPh sb="2" eb="3">
      <t>ツヅ</t>
    </rPh>
    <rPh sb="5" eb="6">
      <t>チカラ</t>
    </rPh>
    <phoneticPr fontId="1"/>
  </si>
  <si>
    <t>池上　彰</t>
    <rPh sb="0" eb="2">
      <t>イケガミ</t>
    </rPh>
    <rPh sb="3" eb="4">
      <t>アキラ</t>
    </rPh>
    <phoneticPr fontId="1"/>
  </si>
  <si>
    <t>講談社</t>
    <rPh sb="0" eb="3">
      <t>コウダンシャ</t>
    </rPh>
    <phoneticPr fontId="1"/>
  </si>
  <si>
    <t>著者自身の体験をもとに、学ぶことの楽しさ、学びの方法、学んだことを教養として生かしていくためには、などについて読みやすい文章で語られている。</t>
    <rPh sb="0" eb="2">
      <t>チョシャ</t>
    </rPh>
    <rPh sb="2" eb="4">
      <t>ジシン</t>
    </rPh>
    <rPh sb="5" eb="7">
      <t>タイケン</t>
    </rPh>
    <rPh sb="12" eb="13">
      <t>マナ</t>
    </rPh>
    <rPh sb="17" eb="18">
      <t>タノ</t>
    </rPh>
    <rPh sb="21" eb="22">
      <t>マナ</t>
    </rPh>
    <rPh sb="24" eb="26">
      <t>ホウホウ</t>
    </rPh>
    <rPh sb="27" eb="28">
      <t>マナ</t>
    </rPh>
    <rPh sb="33" eb="35">
      <t>キョウヨウ</t>
    </rPh>
    <rPh sb="38" eb="39">
      <t>イ</t>
    </rPh>
    <rPh sb="55" eb="56">
      <t>ヨ</t>
    </rPh>
    <rPh sb="60" eb="62">
      <t>ブンショウ</t>
    </rPh>
    <rPh sb="63" eb="64">
      <t>カタ</t>
    </rPh>
    <phoneticPr fontId="1"/>
  </si>
  <si>
    <t>新潮社</t>
    <rPh sb="0" eb="3">
      <t>シンチョウシャ</t>
    </rPh>
    <phoneticPr fontId="1"/>
  </si>
  <si>
    <t>372</t>
    <phoneticPr fontId="1"/>
  </si>
  <si>
    <t>ぼくはイエローでホワイトで、ちょっとブルー</t>
    <phoneticPr fontId="1"/>
  </si>
  <si>
    <t>ブレイディみかこ</t>
    <phoneticPr fontId="1"/>
  </si>
  <si>
    <t>日本人の母親とアイルランド人の父親を持つイギリスの公立（元・底辺）中学校1年生の「ぼく」が、格差や人種問題に直面しながら多様性への共感力を育んでいく。本屋大賞ノンフィクション本大賞受賞作。</t>
    <rPh sb="0" eb="3">
      <t>ニホンジン</t>
    </rPh>
    <rPh sb="4" eb="6">
      <t>ハハオヤ</t>
    </rPh>
    <rPh sb="13" eb="14">
      <t>ジン</t>
    </rPh>
    <rPh sb="15" eb="17">
      <t>チチオヤ</t>
    </rPh>
    <rPh sb="18" eb="19">
      <t>モ</t>
    </rPh>
    <rPh sb="25" eb="27">
      <t>コウリツ</t>
    </rPh>
    <rPh sb="28" eb="29">
      <t>モト</t>
    </rPh>
    <rPh sb="30" eb="32">
      <t>テイヘン</t>
    </rPh>
    <rPh sb="33" eb="35">
      <t>チュウガク</t>
    </rPh>
    <rPh sb="35" eb="36">
      <t>コウ</t>
    </rPh>
    <rPh sb="37" eb="39">
      <t>ネンセイ</t>
    </rPh>
    <rPh sb="46" eb="48">
      <t>カクサ</t>
    </rPh>
    <rPh sb="49" eb="51">
      <t>ジンシュ</t>
    </rPh>
    <rPh sb="51" eb="53">
      <t>モンダイ</t>
    </rPh>
    <rPh sb="54" eb="56">
      <t>チョクメン</t>
    </rPh>
    <rPh sb="60" eb="63">
      <t>タヨウセイ</t>
    </rPh>
    <rPh sb="65" eb="67">
      <t>キョウカン</t>
    </rPh>
    <rPh sb="67" eb="68">
      <t>リョク</t>
    </rPh>
    <rPh sb="69" eb="70">
      <t>ハグク</t>
    </rPh>
    <rPh sb="75" eb="77">
      <t>ホンヤ</t>
    </rPh>
    <rPh sb="77" eb="79">
      <t>タイショウ</t>
    </rPh>
    <rPh sb="87" eb="88">
      <t>ボン</t>
    </rPh>
    <rPh sb="88" eb="90">
      <t>タイショウ</t>
    </rPh>
    <rPh sb="90" eb="93">
      <t>ジュショウサク</t>
    </rPh>
    <phoneticPr fontId="1"/>
  </si>
  <si>
    <t>375</t>
    <phoneticPr fontId="1"/>
  </si>
  <si>
    <t xml:space="preserve">自分の"好き"を探究しよう! </t>
    <phoneticPr fontId="1"/>
  </si>
  <si>
    <t>お茶の水女子大附属中学校</t>
    <rPh sb="1" eb="2">
      <t>チャ</t>
    </rPh>
    <rPh sb="3" eb="4">
      <t>ミズ</t>
    </rPh>
    <rPh sb="4" eb="7">
      <t>ジョシダイ</t>
    </rPh>
    <rPh sb="7" eb="9">
      <t>フゾク</t>
    </rPh>
    <rPh sb="9" eb="12">
      <t>チュウガッコウ</t>
    </rPh>
    <phoneticPr fontId="1"/>
  </si>
  <si>
    <t>明石書店</t>
    <rPh sb="0" eb="2">
      <t>アカシ</t>
    </rPh>
    <rPh sb="2" eb="4">
      <t>ショテン</t>
    </rPh>
    <phoneticPr fontId="1"/>
  </si>
  <si>
    <t>お茶の水女子大附属中学校で、1978年から継続されている「自主研究プログラム」。生徒たちはどのように研究課題を選び、研究を深め、成果発表をしているか。探究活動に行き詰ったとき、ヒントになる。</t>
    <rPh sb="1" eb="2">
      <t>チャ</t>
    </rPh>
    <rPh sb="3" eb="4">
      <t>ミズ</t>
    </rPh>
    <rPh sb="4" eb="7">
      <t>ジョシダイ</t>
    </rPh>
    <rPh sb="7" eb="9">
      <t>フゾク</t>
    </rPh>
    <rPh sb="9" eb="12">
      <t>チュウガッコウ</t>
    </rPh>
    <rPh sb="18" eb="19">
      <t>ネン</t>
    </rPh>
    <rPh sb="21" eb="23">
      <t>ケイゾク</t>
    </rPh>
    <rPh sb="29" eb="31">
      <t>ジシュ</t>
    </rPh>
    <rPh sb="31" eb="33">
      <t>ケンキュウ</t>
    </rPh>
    <rPh sb="40" eb="42">
      <t>セイト</t>
    </rPh>
    <rPh sb="50" eb="52">
      <t>ケンキュウ</t>
    </rPh>
    <rPh sb="52" eb="54">
      <t>カダイ</t>
    </rPh>
    <rPh sb="55" eb="56">
      <t>エラ</t>
    </rPh>
    <rPh sb="58" eb="60">
      <t>ケンキュウ</t>
    </rPh>
    <rPh sb="61" eb="62">
      <t>フカ</t>
    </rPh>
    <rPh sb="64" eb="66">
      <t>セイカ</t>
    </rPh>
    <rPh sb="66" eb="68">
      <t>ハッピョウ</t>
    </rPh>
    <rPh sb="75" eb="77">
      <t>タンキュウ</t>
    </rPh>
    <rPh sb="77" eb="79">
      <t>カツドウ</t>
    </rPh>
    <rPh sb="80" eb="81">
      <t>イ</t>
    </rPh>
    <rPh sb="82" eb="83">
      <t>ヅマ</t>
    </rPh>
    <phoneticPr fontId="1"/>
  </si>
  <si>
    <t>402</t>
    <phoneticPr fontId="1"/>
  </si>
  <si>
    <t>生涯を賭けるテーマをいかに選ぶか</t>
  </si>
  <si>
    <t>最相葉月</t>
    <rPh sb="0" eb="2">
      <t>サイショウ</t>
    </rPh>
    <rPh sb="2" eb="4">
      <t>ハヅキ</t>
    </rPh>
    <phoneticPr fontId="1"/>
  </si>
  <si>
    <t>ポプラ社</t>
    <rPh sb="3" eb="4">
      <t>シャ</t>
    </rPh>
    <phoneticPr fontId="1"/>
  </si>
  <si>
    <t>ノンフィクションライターである著者が、東京工業大学で4ヶ月間行った講義の記録。ゲストとして登場する研究者たちの、幅広く興味深い研究やエピソードが満載で、知的刺激に満ち溢れた本。</t>
    <rPh sb="15" eb="17">
      <t>チョシャ</t>
    </rPh>
    <rPh sb="19" eb="21">
      <t>トウキョウ</t>
    </rPh>
    <rPh sb="21" eb="23">
      <t>コウギョウ</t>
    </rPh>
    <rPh sb="23" eb="25">
      <t>ダイガク</t>
    </rPh>
    <rPh sb="28" eb="29">
      <t>ゲツ</t>
    </rPh>
    <rPh sb="29" eb="30">
      <t>カン</t>
    </rPh>
    <rPh sb="30" eb="31">
      <t>オコナ</t>
    </rPh>
    <rPh sb="33" eb="35">
      <t>コウギ</t>
    </rPh>
    <rPh sb="36" eb="38">
      <t>キロク</t>
    </rPh>
    <rPh sb="45" eb="47">
      <t>トウジョウ</t>
    </rPh>
    <rPh sb="49" eb="52">
      <t>ケンキュウシャ</t>
    </rPh>
    <rPh sb="56" eb="58">
      <t>ハバヒロ</t>
    </rPh>
    <rPh sb="59" eb="62">
      <t>キョウミブカ</t>
    </rPh>
    <rPh sb="63" eb="65">
      <t>ケンキュウ</t>
    </rPh>
    <rPh sb="72" eb="74">
      <t>マンサイ</t>
    </rPh>
    <rPh sb="76" eb="78">
      <t>チテキ</t>
    </rPh>
    <rPh sb="78" eb="80">
      <t>シゲキ</t>
    </rPh>
    <rPh sb="81" eb="82">
      <t>ミ</t>
    </rPh>
    <rPh sb="83" eb="84">
      <t>アフ</t>
    </rPh>
    <rPh sb="86" eb="87">
      <t>ホン</t>
    </rPh>
    <phoneticPr fontId="1"/>
  </si>
  <si>
    <t>430</t>
    <phoneticPr fontId="1"/>
  </si>
  <si>
    <t>ロウソクの科学</t>
    <rPh sb="5" eb="7">
      <t>カガク</t>
    </rPh>
    <phoneticPr fontId="1"/>
  </si>
  <si>
    <t>ファラデー</t>
    <phoneticPr fontId="1"/>
  </si>
  <si>
    <t>岩波書店</t>
    <rPh sb="0" eb="2">
      <t>イワナミ</t>
    </rPh>
    <rPh sb="2" eb="4">
      <t>ショテン</t>
    </rPh>
    <phoneticPr fontId="1"/>
  </si>
  <si>
    <t>ノーベル化学賞を受賞した、吉野彰さんを理科好きにさせた本として注目されている、古くて新しい名著。</t>
    <rPh sb="4" eb="7">
      <t>カガクショウ</t>
    </rPh>
    <rPh sb="8" eb="10">
      <t>ジュショウ</t>
    </rPh>
    <rPh sb="13" eb="15">
      <t>ヨシノ</t>
    </rPh>
    <rPh sb="15" eb="16">
      <t>アキラ</t>
    </rPh>
    <rPh sb="19" eb="21">
      <t>リカ</t>
    </rPh>
    <rPh sb="21" eb="22">
      <t>ズ</t>
    </rPh>
    <rPh sb="27" eb="28">
      <t>ホン</t>
    </rPh>
    <rPh sb="31" eb="33">
      <t>チュウモク</t>
    </rPh>
    <rPh sb="39" eb="40">
      <t>フル</t>
    </rPh>
    <rPh sb="42" eb="43">
      <t>アタラ</t>
    </rPh>
    <rPh sb="45" eb="47">
      <t>メイチョ</t>
    </rPh>
    <phoneticPr fontId="1"/>
  </si>
  <si>
    <t>481</t>
    <phoneticPr fontId="1"/>
  </si>
  <si>
    <t>生き物の死にざま</t>
    <rPh sb="0" eb="1">
      <t>イ</t>
    </rPh>
    <rPh sb="2" eb="3">
      <t>モノ</t>
    </rPh>
    <rPh sb="4" eb="5">
      <t>シ</t>
    </rPh>
    <phoneticPr fontId="1"/>
  </si>
  <si>
    <t>稲垣栄洋</t>
    <rPh sb="0" eb="2">
      <t>イナガキ</t>
    </rPh>
    <rPh sb="2" eb="3">
      <t>エイ</t>
    </rPh>
    <rPh sb="3" eb="4">
      <t>ヨウ</t>
    </rPh>
    <phoneticPr fontId="1"/>
  </si>
  <si>
    <t>草思社</t>
    <rPh sb="0" eb="3">
      <t>ソウシシャ</t>
    </rPh>
    <phoneticPr fontId="1"/>
  </si>
  <si>
    <t>誰もが知っている身近な生き物たちが、こんなにもドラマチックな最期を迎えているとは想像もつかなかっただろう。生命の営みについてしみじみと考えさせられる。</t>
    <rPh sb="0" eb="1">
      <t>ダレ</t>
    </rPh>
    <rPh sb="3" eb="4">
      <t>シ</t>
    </rPh>
    <rPh sb="8" eb="10">
      <t>ミヂカ</t>
    </rPh>
    <rPh sb="11" eb="12">
      <t>イ</t>
    </rPh>
    <rPh sb="13" eb="14">
      <t>モノ</t>
    </rPh>
    <rPh sb="30" eb="32">
      <t>サイゴ</t>
    </rPh>
    <rPh sb="33" eb="34">
      <t>ムカ</t>
    </rPh>
    <rPh sb="40" eb="42">
      <t>ソウゾウ</t>
    </rPh>
    <rPh sb="53" eb="55">
      <t>セイメイ</t>
    </rPh>
    <rPh sb="56" eb="57">
      <t>イトナ</t>
    </rPh>
    <rPh sb="67" eb="68">
      <t>カンガ</t>
    </rPh>
    <phoneticPr fontId="1"/>
  </si>
  <si>
    <t>サピエンス全史　上・下</t>
    <rPh sb="5" eb="7">
      <t>ゼンシ</t>
    </rPh>
    <rPh sb="8" eb="9">
      <t>ジョウ</t>
    </rPh>
    <rPh sb="10" eb="11">
      <t>ゲ</t>
    </rPh>
    <phoneticPr fontId="1"/>
  </si>
  <si>
    <t>ユヴァル・ノア・ハラリ</t>
    <phoneticPr fontId="1"/>
  </si>
  <si>
    <t>河出書房新社</t>
    <rPh sb="0" eb="2">
      <t>カワデ</t>
    </rPh>
    <rPh sb="2" eb="4">
      <t>ショボウ</t>
    </rPh>
    <rPh sb="4" eb="6">
      <t>シンシャ</t>
    </rPh>
    <phoneticPr fontId="1"/>
  </si>
  <si>
    <t>人類が繁栄していった過程を新たな視点から解き明かし、未来までを予測する全世界でベストセラーとなった図書。</t>
    <rPh sb="0" eb="2">
      <t>ジンルイ</t>
    </rPh>
    <rPh sb="3" eb="5">
      <t>ハンエイ</t>
    </rPh>
    <rPh sb="10" eb="12">
      <t>カテイ</t>
    </rPh>
    <rPh sb="13" eb="14">
      <t>アラ</t>
    </rPh>
    <rPh sb="16" eb="18">
      <t>シテン</t>
    </rPh>
    <rPh sb="20" eb="21">
      <t>ト</t>
    </rPh>
    <rPh sb="22" eb="23">
      <t>ア</t>
    </rPh>
    <rPh sb="26" eb="28">
      <t>ミライ</t>
    </rPh>
    <rPh sb="31" eb="33">
      <t>ヨソク</t>
    </rPh>
    <rPh sb="35" eb="38">
      <t>ゼンセカイ</t>
    </rPh>
    <rPh sb="49" eb="51">
      <t>トショ</t>
    </rPh>
    <phoneticPr fontId="1"/>
  </si>
  <si>
    <t>366</t>
    <phoneticPr fontId="1"/>
  </si>
  <si>
    <t>エンパワーメント</t>
    <phoneticPr fontId="1"/>
  </si>
  <si>
    <t>大崎麻子</t>
    <rPh sb="0" eb="2">
      <t>オオサキ</t>
    </rPh>
    <rPh sb="2" eb="4">
      <t>アサコ</t>
    </rPh>
    <phoneticPr fontId="1"/>
  </si>
  <si>
    <t>経済界</t>
    <rPh sb="0" eb="3">
      <t>ケイザイカイ</t>
    </rPh>
    <phoneticPr fontId="1"/>
  </si>
  <si>
    <t>400</t>
    <phoneticPr fontId="1"/>
  </si>
  <si>
    <t>サイエンス・ネクスト</t>
    <phoneticPr fontId="1"/>
  </si>
  <si>
    <t>河出書房新社</t>
    <rPh sb="0" eb="2">
      <t>カワデ</t>
    </rPh>
    <rPh sb="2" eb="4">
      <t>ショボウ</t>
    </rPh>
    <rPh sb="4" eb="6">
      <t>シンシャ</t>
    </rPh>
    <phoneticPr fontId="1"/>
  </si>
  <si>
    <t>飛鳥新社</t>
    <rPh sb="0" eb="2">
      <t>アスカ</t>
    </rPh>
    <rPh sb="2" eb="4">
      <t>シンシャ</t>
    </rPh>
    <phoneticPr fontId="1"/>
  </si>
  <si>
    <t>ジム・アル＝カリーリ</t>
    <phoneticPr fontId="1"/>
  </si>
  <si>
    <t>望月菜南子</t>
    <rPh sb="0" eb="2">
      <t>モチヅキ</t>
    </rPh>
    <rPh sb="2" eb="5">
      <t>ナナコ</t>
    </rPh>
    <phoneticPr fontId="1"/>
  </si>
  <si>
    <t>904</t>
    <phoneticPr fontId="1"/>
  </si>
  <si>
    <t>科学と文学</t>
    <rPh sb="0" eb="2">
      <t>カガク</t>
    </rPh>
    <rPh sb="3" eb="5">
      <t>ブンガク</t>
    </rPh>
    <phoneticPr fontId="1"/>
  </si>
  <si>
    <t>寺田寅彦</t>
    <rPh sb="0" eb="2">
      <t>テラダ</t>
    </rPh>
    <rPh sb="2" eb="4">
      <t>トラヒコ</t>
    </rPh>
    <phoneticPr fontId="1"/>
  </si>
  <si>
    <t>493</t>
    <phoneticPr fontId="1"/>
  </si>
  <si>
    <t>スマホが学力を破壊する</t>
    <rPh sb="4" eb="6">
      <t>ガクリョク</t>
    </rPh>
    <rPh sb="7" eb="9">
      <t>ハカイ</t>
    </rPh>
    <phoneticPr fontId="1"/>
  </si>
  <si>
    <t>川島隆太</t>
    <rPh sb="0" eb="2">
      <t>カワシマ</t>
    </rPh>
    <rPh sb="2" eb="4">
      <t>リュウタ</t>
    </rPh>
    <phoneticPr fontId="1"/>
  </si>
  <si>
    <t>集英社</t>
    <rPh sb="0" eb="3">
      <t>シュウエイシャ</t>
    </rPh>
    <phoneticPr fontId="1"/>
  </si>
  <si>
    <t>361</t>
    <phoneticPr fontId="1"/>
  </si>
  <si>
    <t>友だち幻想</t>
    <rPh sb="0" eb="1">
      <t>トモ</t>
    </rPh>
    <rPh sb="3" eb="5">
      <t>ゲンソウ</t>
    </rPh>
    <phoneticPr fontId="1"/>
  </si>
  <si>
    <t>菅野仁</t>
    <rPh sb="0" eb="2">
      <t>カンノ</t>
    </rPh>
    <rPh sb="2" eb="3">
      <t>ヒトシ</t>
    </rPh>
    <phoneticPr fontId="1"/>
  </si>
  <si>
    <t>筑摩書房</t>
    <rPh sb="0" eb="4">
      <t>チクマショボウ</t>
    </rPh>
    <phoneticPr fontId="1"/>
  </si>
  <si>
    <t>146</t>
    <phoneticPr fontId="1"/>
  </si>
  <si>
    <t>幸せな劣等感</t>
    <rPh sb="0" eb="1">
      <t>シアワ</t>
    </rPh>
    <rPh sb="3" eb="6">
      <t>レットウカン</t>
    </rPh>
    <phoneticPr fontId="1"/>
  </si>
  <si>
    <t>向後千春</t>
    <rPh sb="0" eb="2">
      <t>コウゴ</t>
    </rPh>
    <rPh sb="2" eb="4">
      <t>チハル</t>
    </rPh>
    <phoneticPr fontId="1"/>
  </si>
  <si>
    <t>小学館</t>
    <rPh sb="0" eb="3">
      <t>ショウガクカン</t>
    </rPh>
    <phoneticPr fontId="1"/>
  </si>
  <si>
    <t>767</t>
    <phoneticPr fontId="1"/>
  </si>
  <si>
    <t>言葉にできない想いは本当にあるのか</t>
    <rPh sb="0" eb="2">
      <t>コトバ</t>
    </rPh>
    <rPh sb="7" eb="8">
      <t>オモ</t>
    </rPh>
    <rPh sb="10" eb="12">
      <t>ホントウ</t>
    </rPh>
    <phoneticPr fontId="1"/>
  </si>
  <si>
    <t>いしわたり淳治</t>
    <rPh sb="5" eb="7">
      <t>ジュンジ</t>
    </rPh>
    <phoneticPr fontId="1"/>
  </si>
  <si>
    <t>タイトルだけ読んで「そんなことあるわけない」と思ったあなた。本当か？嘘か？疑うならエビデンスは自分で確かめてみよう。</t>
    <rPh sb="6" eb="7">
      <t>ヨ</t>
    </rPh>
    <rPh sb="23" eb="24">
      <t>オモ</t>
    </rPh>
    <rPh sb="30" eb="32">
      <t>ホントウ</t>
    </rPh>
    <rPh sb="34" eb="35">
      <t>ウソ</t>
    </rPh>
    <rPh sb="37" eb="38">
      <t>ウタガ</t>
    </rPh>
    <rPh sb="47" eb="49">
      <t>ジブン</t>
    </rPh>
    <rPh sb="50" eb="51">
      <t>タシ</t>
    </rPh>
    <phoneticPr fontId="1"/>
  </si>
  <si>
    <t>人気作詞家が「君のドルチェ＆ガッバーナのその香水のせいだよ」等、歌詞や流行語など最近よく耳にする言葉を取り上げて分析。効果的な言葉の使い方について解説している。自分の気持ちをうまく言語化し、他人の心の機微を理解するために語彙力を増やそう。</t>
    <rPh sb="0" eb="2">
      <t>ニンキ</t>
    </rPh>
    <rPh sb="2" eb="5">
      <t>サクシカ</t>
    </rPh>
    <rPh sb="30" eb="31">
      <t>トウ</t>
    </rPh>
    <rPh sb="32" eb="34">
      <t>カシ</t>
    </rPh>
    <rPh sb="35" eb="38">
      <t>リュウコウゴ</t>
    </rPh>
    <rPh sb="40" eb="42">
      <t>サイキン</t>
    </rPh>
    <rPh sb="44" eb="45">
      <t>ミミ</t>
    </rPh>
    <rPh sb="48" eb="50">
      <t>コトバ</t>
    </rPh>
    <rPh sb="51" eb="52">
      <t>ト</t>
    </rPh>
    <rPh sb="53" eb="54">
      <t>ア</t>
    </rPh>
    <rPh sb="56" eb="58">
      <t>ブンセキ</t>
    </rPh>
    <rPh sb="59" eb="62">
      <t>コウカテキ</t>
    </rPh>
    <rPh sb="63" eb="65">
      <t>コトバ</t>
    </rPh>
    <rPh sb="66" eb="67">
      <t>ツカ</t>
    </rPh>
    <rPh sb="68" eb="69">
      <t>カタ</t>
    </rPh>
    <rPh sb="73" eb="75">
      <t>カイセツ</t>
    </rPh>
    <rPh sb="80" eb="82">
      <t>ジブン</t>
    </rPh>
    <rPh sb="110" eb="112">
      <t>ゴイ</t>
    </rPh>
    <rPh sb="112" eb="113">
      <t>リョク</t>
    </rPh>
    <rPh sb="114" eb="115">
      <t>フ</t>
    </rPh>
    <phoneticPr fontId="1"/>
  </si>
  <si>
    <t>著者はジェンダー・女性のエンパワーメント専門家。鎌倉高校卒業生で、創立90周年記念講演をしてくださった方でもある。「エンパワーメント」とは生きていくための総合力。女性に向けて「自分の意志を持ち、自分で決定しながら、自分らしく生きていこう」と語りかけている。</t>
    <rPh sb="9" eb="11">
      <t>ジョセイ</t>
    </rPh>
    <rPh sb="69" eb="70">
      <t>イ</t>
    </rPh>
    <rPh sb="77" eb="80">
      <t>ソウゴウリョク</t>
    </rPh>
    <rPh sb="81" eb="83">
      <t>ジョセイ</t>
    </rPh>
    <rPh sb="84" eb="85">
      <t>ム</t>
    </rPh>
    <rPh sb="88" eb="90">
      <t>ジブン</t>
    </rPh>
    <rPh sb="91" eb="93">
      <t>イシ</t>
    </rPh>
    <rPh sb="94" eb="95">
      <t>モ</t>
    </rPh>
    <rPh sb="97" eb="99">
      <t>ジブン</t>
    </rPh>
    <rPh sb="100" eb="102">
      <t>ケッテイ</t>
    </rPh>
    <rPh sb="107" eb="109">
      <t>ジブン</t>
    </rPh>
    <rPh sb="112" eb="113">
      <t>イ</t>
    </rPh>
    <rPh sb="120" eb="121">
      <t>カタ</t>
    </rPh>
    <phoneticPr fontId="1"/>
  </si>
  <si>
    <t>知的好奇心を刺激するような図書、思考を深められる図書、また、理数教育推進校として科学技術・理数に関する興味・関心を高め、将来国際的にも活躍できる科学技術系人材の育成への取り組みと探究学習を支援するための図書を中心に選定した。</t>
    <phoneticPr fontId="1"/>
  </si>
  <si>
    <t>学校は「みんな仲良く」しなければいけない場所なのか？友だち関係に悩んだり疑問に思ったときの処方箋。</t>
    <rPh sb="0" eb="2">
      <t>ガッコウ</t>
    </rPh>
    <rPh sb="7" eb="9">
      <t>ナカヨ</t>
    </rPh>
    <rPh sb="20" eb="22">
      <t>バショ</t>
    </rPh>
    <rPh sb="26" eb="27">
      <t>トモ</t>
    </rPh>
    <rPh sb="29" eb="31">
      <t>カンケイ</t>
    </rPh>
    <rPh sb="32" eb="33">
      <t>ナヤ</t>
    </rPh>
    <rPh sb="36" eb="38">
      <t>ギモン</t>
    </rPh>
    <rPh sb="39" eb="40">
      <t>オモ</t>
    </rPh>
    <rPh sb="45" eb="48">
      <t>ショホウセン</t>
    </rPh>
    <phoneticPr fontId="1"/>
  </si>
  <si>
    <t>一見意味が分からないタイトルは、文字がそれぞれ特定の色で見える「色字共感覚」の持ち主である著者自身に「１」や「世界」の文字がそのように見えるという事。この本を読んで人々の多様性に気付き、受け入れるきっかけにしてほしい。</t>
    <phoneticPr fontId="1"/>
  </si>
  <si>
    <t>「未熟な自分」を受容し、他人と比べない勇気を持つことで心が楽になる。話題のアドラー心理学を日常生活で実践するには。</t>
    <rPh sb="1" eb="3">
      <t>ミジュク</t>
    </rPh>
    <rPh sb="4" eb="6">
      <t>ジブン</t>
    </rPh>
    <rPh sb="8" eb="10">
      <t>ジュヨウ</t>
    </rPh>
    <rPh sb="12" eb="14">
      <t>タニン</t>
    </rPh>
    <rPh sb="15" eb="16">
      <t>クラ</t>
    </rPh>
    <rPh sb="19" eb="21">
      <t>ユウキ</t>
    </rPh>
    <rPh sb="22" eb="23">
      <t>モ</t>
    </rPh>
    <rPh sb="27" eb="28">
      <t>ココロ</t>
    </rPh>
    <rPh sb="29" eb="30">
      <t>ラク</t>
    </rPh>
    <rPh sb="34" eb="36">
      <t>ワダイ</t>
    </rPh>
    <rPh sb="41" eb="44">
      <t>シンリガク</t>
    </rPh>
    <rPh sb="45" eb="47">
      <t>ニチジョウ</t>
    </rPh>
    <rPh sb="47" eb="49">
      <t>セイカツ</t>
    </rPh>
    <rPh sb="50" eb="52">
      <t>ジッセン</t>
    </rPh>
    <phoneticPr fontId="1"/>
  </si>
  <si>
    <t>地球の未来、人類の未来、オンラインの未来はどうなっていくのか？もっと遠い未来は？18人の科学者が大胆に未来を予測する。SF小説で描かれたことが現実になるかもしれない。大学でこの本に書かれていることを学ぶ人もいるかも。</t>
    <rPh sb="0" eb="2">
      <t>チキュウ</t>
    </rPh>
    <rPh sb="3" eb="5">
      <t>ミライ</t>
    </rPh>
    <rPh sb="6" eb="8">
      <t>ジンルイ</t>
    </rPh>
    <rPh sb="9" eb="11">
      <t>ミライ</t>
    </rPh>
    <rPh sb="18" eb="20">
      <t>ミライ</t>
    </rPh>
    <rPh sb="34" eb="35">
      <t>トオ</t>
    </rPh>
    <rPh sb="36" eb="38">
      <t>ミライ</t>
    </rPh>
    <rPh sb="61" eb="63">
      <t>ショウセツ</t>
    </rPh>
    <rPh sb="64" eb="65">
      <t>エガ</t>
    </rPh>
    <rPh sb="71" eb="73">
      <t>ゲンジツ</t>
    </rPh>
    <rPh sb="83" eb="85">
      <t>ダイガク</t>
    </rPh>
    <rPh sb="88" eb="89">
      <t>ホン</t>
    </rPh>
    <rPh sb="90" eb="91">
      <t>カ</t>
    </rPh>
    <rPh sb="99" eb="100">
      <t>マナ</t>
    </rPh>
    <rPh sb="101" eb="102">
      <t>ヒト</t>
    </rPh>
    <phoneticPr fontId="1"/>
  </si>
  <si>
    <t>著者は東京帝国大学教授で世界的な実験物理学者。「天災は忘れた頃にやってくる」の名言でも知られるが、伝統文化・文学にも造詣が深かった。夏目漱石とも親交があり、『三四郎』に登場する科学者の野々宮荘八のモデルとしても有名である著者の、科学者にしか書けない深い思考から紡ぎだされる珠玉のエッセイ。</t>
    <rPh sb="0" eb="2">
      <t>チョシャ</t>
    </rPh>
    <rPh sb="3" eb="5">
      <t>トウキョウ</t>
    </rPh>
    <rPh sb="5" eb="7">
      <t>テイコク</t>
    </rPh>
    <rPh sb="7" eb="9">
      <t>ダイガク</t>
    </rPh>
    <rPh sb="9" eb="11">
      <t>キョウジュ</t>
    </rPh>
    <rPh sb="12" eb="15">
      <t>セカイテキ</t>
    </rPh>
    <rPh sb="16" eb="18">
      <t>ジッケン</t>
    </rPh>
    <rPh sb="18" eb="20">
      <t>ブツリ</t>
    </rPh>
    <rPh sb="20" eb="22">
      <t>ガクシャ</t>
    </rPh>
    <rPh sb="39" eb="41">
      <t>メイゲン</t>
    </rPh>
    <rPh sb="43" eb="44">
      <t>シ</t>
    </rPh>
    <rPh sb="49" eb="51">
      <t>デントウ</t>
    </rPh>
    <rPh sb="51" eb="53">
      <t>ブンカ</t>
    </rPh>
    <rPh sb="54" eb="56">
      <t>ブンガク</t>
    </rPh>
    <rPh sb="58" eb="60">
      <t>ゾウケイ</t>
    </rPh>
    <rPh sb="61" eb="62">
      <t>フカ</t>
    </rPh>
    <rPh sb="72" eb="74">
      <t>シンコウ</t>
    </rPh>
    <rPh sb="110" eb="112">
      <t>チョシャ</t>
    </rPh>
    <rPh sb="126" eb="128">
      <t>シコウ</t>
    </rPh>
    <rPh sb="130" eb="131">
      <t>ツム</t>
    </rPh>
    <phoneticPr fontId="1"/>
  </si>
  <si>
    <t>１は赤い。そして世界は緑と青でできている。</t>
    <rPh sb="2" eb="3">
      <t>アカ</t>
    </rPh>
    <rPh sb="8" eb="10">
      <t>セカイ</t>
    </rPh>
    <rPh sb="11" eb="12">
      <t>ミドリ</t>
    </rPh>
    <rPh sb="13" eb="14">
      <t>アオ</t>
    </rPh>
    <phoneticPr fontId="1"/>
  </si>
  <si>
    <t>ＫＡＤＯＫＡＷＡ</t>
    <phoneticPr fontId="1"/>
  </si>
  <si>
    <t>高等学校</t>
    <rPh sb="0" eb="2">
      <t>コウトウ</t>
    </rPh>
    <rPh sb="2" eb="4">
      <t>ガッ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2">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1"/>
      <name val="ＭＳ Ｐゴシック"/>
      <family val="3"/>
      <charset val="128"/>
      <scheme val="minor"/>
    </font>
    <font>
      <sz val="8"/>
      <color indexed="62"/>
      <name val="ＭＳ Ｐゴシック"/>
      <family val="3"/>
      <charset val="128"/>
      <scheme val="minor"/>
    </font>
    <font>
      <sz val="10"/>
      <color indexed="62"/>
      <name val="ＭＳ Ｐゴシック"/>
      <family val="3"/>
      <charset val="128"/>
      <scheme val="min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2">
    <border>
      <left/>
      <right/>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8">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5" xfId="0" applyFont="1" applyFill="1" applyBorder="1" applyAlignment="1">
      <alignment horizontal="center" vertical="center"/>
    </xf>
    <xf numFmtId="0" fontId="4" fillId="4" borderId="9" xfId="0" applyFont="1" applyFill="1" applyBorder="1" applyAlignment="1">
      <alignment horizontal="center" wrapText="1"/>
    </xf>
    <xf numFmtId="49" fontId="4" fillId="0" borderId="5" xfId="0" applyNumberFormat="1" applyFont="1" applyFill="1" applyBorder="1" applyAlignment="1">
      <alignment horizontal="center" vertical="center"/>
    </xf>
    <xf numFmtId="0" fontId="3" fillId="5" borderId="0" xfId="0" applyFont="1" applyFill="1" applyBorder="1" applyAlignment="1">
      <alignment horizontal="center"/>
    </xf>
    <xf numFmtId="0" fontId="8" fillId="5" borderId="10" xfId="0" applyFont="1" applyFill="1" applyBorder="1" applyAlignment="1">
      <alignment horizontal="left" vertical="center" wrapText="1"/>
    </xf>
    <xf numFmtId="0" fontId="8" fillId="5" borderId="10" xfId="0" applyFont="1" applyFill="1" applyBorder="1" applyAlignment="1">
      <alignment horizontal="left" vertical="center"/>
    </xf>
    <xf numFmtId="0" fontId="8" fillId="5" borderId="11" xfId="0" applyFont="1" applyFill="1" applyBorder="1" applyAlignment="1">
      <alignment horizontal="left" vertical="center"/>
    </xf>
    <xf numFmtId="0" fontId="9" fillId="0" borderId="1" xfId="0" applyFont="1" applyBorder="1" applyAlignment="1">
      <alignment horizontal="center" vertical="center"/>
    </xf>
    <xf numFmtId="0" fontId="9" fillId="0" borderId="4" xfId="0" applyFont="1" applyBorder="1" applyAlignment="1">
      <alignment horizontal="center" vertical="center"/>
    </xf>
    <xf numFmtId="0" fontId="4" fillId="5" borderId="5" xfId="0" applyFont="1" applyFill="1" applyBorder="1" applyAlignment="1">
      <alignment horizontal="center" vertical="center" wrapText="1"/>
    </xf>
    <xf numFmtId="0" fontId="4" fillId="5" borderId="5" xfId="0" applyFont="1" applyFill="1" applyBorder="1" applyAlignment="1">
      <alignment horizontal="center" wrapText="1"/>
    </xf>
    <xf numFmtId="0" fontId="4" fillId="5" borderId="5" xfId="0" applyFont="1" applyFill="1" applyBorder="1" applyAlignment="1">
      <alignment horizontal="center"/>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0" fontId="6" fillId="0" borderId="8" xfId="0" applyFont="1" applyFill="1" applyBorder="1" applyAlignment="1">
      <alignment horizontal="left" vertical="top" wrapText="1"/>
    </xf>
    <xf numFmtId="0" fontId="8" fillId="5" borderId="10" xfId="0" applyFont="1" applyFill="1" applyBorder="1" applyAlignment="1">
      <alignment horizontal="center" vertical="center"/>
    </xf>
    <xf numFmtId="176" fontId="10" fillId="0" borderId="1" xfId="0" applyNumberFormat="1" applyFont="1" applyBorder="1" applyAlignment="1">
      <alignment horizontal="left" vertical="center" wrapText="1"/>
    </xf>
    <xf numFmtId="176" fontId="10" fillId="0" borderId="4" xfId="0" applyNumberFormat="1" applyFont="1" applyBorder="1" applyAlignment="1">
      <alignment horizontal="left" vertical="center" wrapText="1"/>
    </xf>
    <xf numFmtId="176" fontId="10" fillId="0" borderId="3" xfId="0" applyNumberFormat="1" applyFont="1" applyBorder="1" applyAlignment="1">
      <alignment horizontal="left" vertical="center" wrapText="1"/>
    </xf>
    <xf numFmtId="176" fontId="10" fillId="0" borderId="2" xfId="0" applyNumberFormat="1" applyFont="1" applyBorder="1" applyAlignment="1">
      <alignment horizontal="left" vertical="center" wrapText="1"/>
    </xf>
    <xf numFmtId="0" fontId="11" fillId="0" borderId="1" xfId="0" applyFont="1" applyBorder="1" applyAlignment="1">
      <alignment horizontal="center" vertical="center" wrapText="1"/>
    </xf>
    <xf numFmtId="0" fontId="11" fillId="0" borderId="3" xfId="0" applyFont="1" applyBorder="1" applyAlignment="1">
      <alignment horizontal="center" vertical="center" wrapText="1"/>
    </xf>
    <xf numFmtId="49" fontId="9" fillId="3" borderId="2" xfId="0" applyNumberFormat="1" applyFont="1" applyFill="1" applyBorder="1" applyAlignment="1">
      <alignment horizontal="center" vertical="center"/>
    </xf>
    <xf numFmtId="49" fontId="9" fillId="3" borderId="2" xfId="0" quotePrefix="1"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3"/>
  <sheetViews>
    <sheetView tabSelected="1" view="pageBreakPreview" topLeftCell="A4" zoomScaleNormal="100" zoomScaleSheetLayoutView="100" workbookViewId="0">
      <selection activeCell="P8" sqref="P8"/>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7" t="s">
        <v>797</v>
      </c>
      <c r="D1" s="17"/>
      <c r="E1" s="17"/>
      <c r="F1" s="17"/>
      <c r="G1" s="17"/>
      <c r="H1" s="17"/>
      <c r="I1" s="17"/>
      <c r="J1" s="17"/>
      <c r="K1" s="4"/>
      <c r="L1" s="4"/>
    </row>
    <row r="2" spans="1:12" ht="18" customHeight="1">
      <c r="A2" s="7"/>
      <c r="B2" s="8"/>
      <c r="C2" s="9"/>
      <c r="D2" s="9"/>
      <c r="E2" s="9"/>
      <c r="F2" s="9"/>
      <c r="G2" s="9"/>
      <c r="H2" s="7"/>
      <c r="I2" s="7"/>
      <c r="J2" s="7"/>
      <c r="K2" s="7"/>
      <c r="L2" s="7"/>
    </row>
    <row r="3" spans="1:12" ht="35.1" customHeight="1">
      <c r="A3" s="7"/>
      <c r="B3" s="14" t="s">
        <v>5</v>
      </c>
      <c r="C3" s="21" t="s">
        <v>798</v>
      </c>
      <c r="D3" s="22"/>
      <c r="E3" s="23" t="s">
        <v>873</v>
      </c>
      <c r="F3" s="23"/>
      <c r="G3" s="24" t="s">
        <v>796</v>
      </c>
      <c r="H3" s="25"/>
      <c r="I3" s="16"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26" t="s">
        <v>865</v>
      </c>
      <c r="C6" s="27"/>
      <c r="D6" s="27"/>
      <c r="E6" s="27"/>
      <c r="F6" s="27"/>
      <c r="G6" s="27"/>
      <c r="H6" s="27"/>
      <c r="I6" s="27"/>
      <c r="J6" s="27"/>
      <c r="K6" s="28"/>
      <c r="L6" s="7"/>
    </row>
    <row r="7" spans="1:12">
      <c r="A7" s="7"/>
      <c r="B7" s="11"/>
      <c r="C7" s="7"/>
      <c r="D7" s="7"/>
      <c r="E7" s="12"/>
      <c r="F7" s="7"/>
      <c r="G7" s="7"/>
      <c r="H7" s="7"/>
      <c r="I7" s="7"/>
      <c r="J7" s="7"/>
      <c r="K7" s="7"/>
      <c r="L7" s="7"/>
    </row>
    <row r="8" spans="1:12" ht="54.75" customHeight="1" thickBot="1">
      <c r="A8" s="7"/>
      <c r="B8" s="15" t="s">
        <v>3</v>
      </c>
      <c r="C8" s="29" t="s">
        <v>0</v>
      </c>
      <c r="D8" s="29"/>
      <c r="E8" s="29" t="s">
        <v>2</v>
      </c>
      <c r="F8" s="29"/>
      <c r="G8" s="29" t="s">
        <v>1</v>
      </c>
      <c r="H8" s="29"/>
      <c r="I8" s="18" t="s">
        <v>4</v>
      </c>
      <c r="J8" s="19"/>
      <c r="K8" s="20"/>
      <c r="L8" s="7"/>
    </row>
    <row r="9" spans="1:12" ht="51.75" customHeight="1" thickTop="1">
      <c r="A9" s="13">
        <v>1</v>
      </c>
      <c r="B9" s="36" t="s">
        <v>800</v>
      </c>
      <c r="C9" s="34" t="s">
        <v>801</v>
      </c>
      <c r="D9" s="35"/>
      <c r="E9" s="34" t="s">
        <v>802</v>
      </c>
      <c r="F9" s="35"/>
      <c r="G9" s="34" t="s">
        <v>803</v>
      </c>
      <c r="H9" s="35"/>
      <c r="I9" s="30" t="s">
        <v>804</v>
      </c>
      <c r="J9" s="31"/>
      <c r="K9" s="32"/>
      <c r="L9" s="7"/>
    </row>
    <row r="10" spans="1:12" ht="79.5" customHeight="1">
      <c r="A10" s="13">
        <v>2</v>
      </c>
      <c r="B10" s="37">
        <v>141</v>
      </c>
      <c r="C10" s="34" t="s">
        <v>871</v>
      </c>
      <c r="D10" s="35"/>
      <c r="E10" s="34" t="s">
        <v>843</v>
      </c>
      <c r="F10" s="35"/>
      <c r="G10" s="34" t="s">
        <v>841</v>
      </c>
      <c r="H10" s="35"/>
      <c r="I10" s="30" t="s">
        <v>867</v>
      </c>
      <c r="J10" s="31"/>
      <c r="K10" s="32"/>
      <c r="L10" s="7"/>
    </row>
    <row r="11" spans="1:12" ht="52.5" customHeight="1">
      <c r="A11" s="13">
        <v>3</v>
      </c>
      <c r="B11" s="36" t="s">
        <v>855</v>
      </c>
      <c r="C11" s="34" t="s">
        <v>856</v>
      </c>
      <c r="D11" s="35"/>
      <c r="E11" s="34" t="s">
        <v>857</v>
      </c>
      <c r="F11" s="35"/>
      <c r="G11" s="34" t="s">
        <v>858</v>
      </c>
      <c r="H11" s="35"/>
      <c r="I11" s="33" t="s">
        <v>868</v>
      </c>
      <c r="J11" s="33"/>
      <c r="K11" s="33"/>
      <c r="L11" s="7"/>
    </row>
    <row r="12" spans="1:12" ht="58.5" customHeight="1">
      <c r="A12" s="13">
        <v>4</v>
      </c>
      <c r="B12" s="37">
        <v>209</v>
      </c>
      <c r="C12" s="34" t="s">
        <v>830</v>
      </c>
      <c r="D12" s="35"/>
      <c r="E12" s="34" t="s">
        <v>831</v>
      </c>
      <c r="F12" s="35"/>
      <c r="G12" s="34" t="s">
        <v>832</v>
      </c>
      <c r="H12" s="35"/>
      <c r="I12" s="30" t="s">
        <v>833</v>
      </c>
      <c r="J12" s="31"/>
      <c r="K12" s="32"/>
      <c r="L12" s="7"/>
    </row>
    <row r="13" spans="1:12" ht="48.75" customHeight="1">
      <c r="A13" s="13">
        <v>5</v>
      </c>
      <c r="B13" s="36" t="s">
        <v>851</v>
      </c>
      <c r="C13" s="34" t="s">
        <v>852</v>
      </c>
      <c r="D13" s="35"/>
      <c r="E13" s="34" t="s">
        <v>853</v>
      </c>
      <c r="F13" s="35"/>
      <c r="G13" s="34" t="s">
        <v>854</v>
      </c>
      <c r="H13" s="35"/>
      <c r="I13" s="33" t="s">
        <v>866</v>
      </c>
      <c r="J13" s="33"/>
      <c r="K13" s="33"/>
      <c r="L13" s="7"/>
    </row>
    <row r="14" spans="1:12" ht="97.5" customHeight="1">
      <c r="A14" s="13">
        <v>6</v>
      </c>
      <c r="B14" s="36" t="s">
        <v>834</v>
      </c>
      <c r="C14" s="34" t="s">
        <v>835</v>
      </c>
      <c r="D14" s="35"/>
      <c r="E14" s="34" t="s">
        <v>836</v>
      </c>
      <c r="F14" s="35"/>
      <c r="G14" s="34" t="s">
        <v>837</v>
      </c>
      <c r="H14" s="35"/>
      <c r="I14" s="30" t="s">
        <v>864</v>
      </c>
      <c r="J14" s="31"/>
      <c r="K14" s="32"/>
      <c r="L14" s="7"/>
    </row>
    <row r="15" spans="1:12" ht="82.5" customHeight="1">
      <c r="A15" s="13">
        <v>7</v>
      </c>
      <c r="B15" s="37" t="s">
        <v>806</v>
      </c>
      <c r="C15" s="34" t="s">
        <v>807</v>
      </c>
      <c r="D15" s="35"/>
      <c r="E15" s="34" t="s">
        <v>808</v>
      </c>
      <c r="F15" s="35"/>
      <c r="G15" s="34" t="s">
        <v>805</v>
      </c>
      <c r="H15" s="35"/>
      <c r="I15" s="33" t="s">
        <v>809</v>
      </c>
      <c r="J15" s="33"/>
      <c r="K15" s="33"/>
      <c r="L15" s="7"/>
    </row>
    <row r="16" spans="1:12" ht="75" customHeight="1">
      <c r="A16" s="13">
        <v>8</v>
      </c>
      <c r="B16" s="36" t="s">
        <v>810</v>
      </c>
      <c r="C16" s="34" t="s">
        <v>811</v>
      </c>
      <c r="D16" s="35"/>
      <c r="E16" s="34" t="s">
        <v>812</v>
      </c>
      <c r="F16" s="35"/>
      <c r="G16" s="34" t="s">
        <v>813</v>
      </c>
      <c r="H16" s="35"/>
      <c r="I16" s="33" t="s">
        <v>814</v>
      </c>
      <c r="J16" s="33"/>
      <c r="K16" s="33"/>
      <c r="L16" s="7"/>
    </row>
    <row r="17" spans="1:12" ht="80.25" customHeight="1">
      <c r="A17" s="13">
        <v>9</v>
      </c>
      <c r="B17" s="36" t="s">
        <v>838</v>
      </c>
      <c r="C17" s="34" t="s">
        <v>839</v>
      </c>
      <c r="D17" s="35"/>
      <c r="E17" s="34" t="s">
        <v>842</v>
      </c>
      <c r="F17" s="35"/>
      <c r="G17" s="34" t="s">
        <v>840</v>
      </c>
      <c r="H17" s="35"/>
      <c r="I17" s="30" t="s">
        <v>869</v>
      </c>
      <c r="J17" s="31"/>
      <c r="K17" s="32"/>
      <c r="L17" s="7"/>
    </row>
    <row r="18" spans="1:12" ht="74.25" customHeight="1">
      <c r="A18" s="13">
        <v>10</v>
      </c>
      <c r="B18" s="36" t="s">
        <v>815</v>
      </c>
      <c r="C18" s="34" t="s">
        <v>816</v>
      </c>
      <c r="D18" s="35"/>
      <c r="E18" s="34" t="s">
        <v>817</v>
      </c>
      <c r="F18" s="35"/>
      <c r="G18" s="34" t="s">
        <v>818</v>
      </c>
      <c r="H18" s="35"/>
      <c r="I18" s="33" t="s">
        <v>819</v>
      </c>
      <c r="J18" s="33"/>
      <c r="K18" s="33"/>
      <c r="L18" s="7"/>
    </row>
    <row r="19" spans="1:12" ht="53.25" customHeight="1">
      <c r="A19" s="13">
        <v>11</v>
      </c>
      <c r="B19" s="36" t="s">
        <v>820</v>
      </c>
      <c r="C19" s="34" t="s">
        <v>821</v>
      </c>
      <c r="D19" s="35"/>
      <c r="E19" s="34" t="s">
        <v>822</v>
      </c>
      <c r="F19" s="35"/>
      <c r="G19" s="34" t="s">
        <v>823</v>
      </c>
      <c r="H19" s="35"/>
      <c r="I19" s="33" t="s">
        <v>824</v>
      </c>
      <c r="J19" s="33"/>
      <c r="K19" s="33"/>
      <c r="L19" s="7"/>
    </row>
    <row r="20" spans="1:12" ht="63.75" customHeight="1">
      <c r="A20" s="13">
        <v>12</v>
      </c>
      <c r="B20" s="36" t="s">
        <v>825</v>
      </c>
      <c r="C20" s="34" t="s">
        <v>826</v>
      </c>
      <c r="D20" s="35"/>
      <c r="E20" s="34" t="s">
        <v>827</v>
      </c>
      <c r="F20" s="35"/>
      <c r="G20" s="34" t="s">
        <v>828</v>
      </c>
      <c r="H20" s="35"/>
      <c r="I20" s="33" t="s">
        <v>829</v>
      </c>
      <c r="J20" s="33"/>
      <c r="K20" s="33"/>
      <c r="L20" s="7"/>
    </row>
    <row r="21" spans="1:12" ht="54" customHeight="1">
      <c r="A21" s="13">
        <v>13</v>
      </c>
      <c r="B21" s="36" t="s">
        <v>847</v>
      </c>
      <c r="C21" s="34" t="s">
        <v>848</v>
      </c>
      <c r="D21" s="35"/>
      <c r="E21" s="34" t="s">
        <v>849</v>
      </c>
      <c r="F21" s="35"/>
      <c r="G21" s="34" t="s">
        <v>850</v>
      </c>
      <c r="H21" s="35"/>
      <c r="I21" s="33" t="s">
        <v>862</v>
      </c>
      <c r="J21" s="33"/>
      <c r="K21" s="33"/>
      <c r="L21" s="7"/>
    </row>
    <row r="22" spans="1:12" ht="94.5" customHeight="1">
      <c r="A22" s="13">
        <v>14</v>
      </c>
      <c r="B22" s="36" t="s">
        <v>859</v>
      </c>
      <c r="C22" s="34" t="s">
        <v>860</v>
      </c>
      <c r="D22" s="35"/>
      <c r="E22" s="34" t="s">
        <v>861</v>
      </c>
      <c r="F22" s="35"/>
      <c r="G22" s="34" t="s">
        <v>854</v>
      </c>
      <c r="H22" s="35"/>
      <c r="I22" s="33" t="s">
        <v>863</v>
      </c>
      <c r="J22" s="33"/>
      <c r="K22" s="33"/>
      <c r="L22" s="7"/>
    </row>
    <row r="23" spans="1:12" ht="116.25" customHeight="1">
      <c r="A23" s="13">
        <v>15</v>
      </c>
      <c r="B23" s="36" t="s">
        <v>844</v>
      </c>
      <c r="C23" s="34" t="s">
        <v>845</v>
      </c>
      <c r="D23" s="35"/>
      <c r="E23" s="34" t="s">
        <v>846</v>
      </c>
      <c r="F23" s="35"/>
      <c r="G23" s="34" t="s">
        <v>872</v>
      </c>
      <c r="H23" s="35"/>
      <c r="I23" s="33" t="s">
        <v>870</v>
      </c>
      <c r="J23" s="33"/>
      <c r="K23" s="33"/>
      <c r="L23" s="7"/>
    </row>
  </sheetData>
  <mergeCells count="69">
    <mergeCell ref="I20:K20"/>
    <mergeCell ref="C13:D13"/>
    <mergeCell ref="E13:F13"/>
    <mergeCell ref="G13:H13"/>
    <mergeCell ref="I13:K13"/>
    <mergeCell ref="I14:K14"/>
    <mergeCell ref="I17:K17"/>
    <mergeCell ref="I15:K15"/>
    <mergeCell ref="G16:H16"/>
    <mergeCell ref="I16:K16"/>
    <mergeCell ref="C20:D20"/>
    <mergeCell ref="E20:F20"/>
    <mergeCell ref="G20:H20"/>
    <mergeCell ref="C19:D19"/>
    <mergeCell ref="E19:F19"/>
    <mergeCell ref="G19:H19"/>
    <mergeCell ref="C23:D23"/>
    <mergeCell ref="I23:K23"/>
    <mergeCell ref="I21:K21"/>
    <mergeCell ref="E23:F23"/>
    <mergeCell ref="G23:H23"/>
    <mergeCell ref="C21:D21"/>
    <mergeCell ref="E21:F21"/>
    <mergeCell ref="G21:H21"/>
    <mergeCell ref="E22:F22"/>
    <mergeCell ref="C22:D22"/>
    <mergeCell ref="G22:H22"/>
    <mergeCell ref="I22:K22"/>
    <mergeCell ref="E8:F8"/>
    <mergeCell ref="G8:H8"/>
    <mergeCell ref="E17:F17"/>
    <mergeCell ref="E10:F10"/>
    <mergeCell ref="C15:D15"/>
    <mergeCell ref="E15:F15"/>
    <mergeCell ref="G15:H15"/>
    <mergeCell ref="C16:D16"/>
    <mergeCell ref="E16:F16"/>
    <mergeCell ref="G11:H11"/>
    <mergeCell ref="C11:D11"/>
    <mergeCell ref="E11:F11"/>
    <mergeCell ref="I19:K19"/>
    <mergeCell ref="C9:D9"/>
    <mergeCell ref="E9:F9"/>
    <mergeCell ref="G9:H9"/>
    <mergeCell ref="I9:K9"/>
    <mergeCell ref="C12:D12"/>
    <mergeCell ref="E12:F12"/>
    <mergeCell ref="G12:H12"/>
    <mergeCell ref="I12:K12"/>
    <mergeCell ref="C14:D14"/>
    <mergeCell ref="E14:F14"/>
    <mergeCell ref="G14:H14"/>
    <mergeCell ref="I11:K11"/>
    <mergeCell ref="C1:J1"/>
    <mergeCell ref="C10:D10"/>
    <mergeCell ref="G10:H10"/>
    <mergeCell ref="I10:K10"/>
    <mergeCell ref="C18:D18"/>
    <mergeCell ref="E18:F18"/>
    <mergeCell ref="G18:H18"/>
    <mergeCell ref="I18:K18"/>
    <mergeCell ref="C17:D17"/>
    <mergeCell ref="G17:H17"/>
    <mergeCell ref="I8:K8"/>
    <mergeCell ref="C3:D3"/>
    <mergeCell ref="E3:F3"/>
    <mergeCell ref="G3:H3"/>
    <mergeCell ref="B6:K6"/>
    <mergeCell ref="C8:D8"/>
  </mergeCells>
  <phoneticPr fontId="1"/>
  <dataValidations count="1">
    <dataValidation imeMode="hiragana" allowBlank="1" showInputMessage="1" showErrorMessage="1" sqref="B6"/>
  </dataValidations>
  <pageMargins left="0.7" right="0.7" top="0.75" bottom="0.75" header="0.3" footer="0.3"/>
  <pageSetup paperSize="9" scale="5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3-17T02:03:20Z</cp:lastPrinted>
  <dcterms:created xsi:type="dcterms:W3CDTF">2004-01-30T10:40:15Z</dcterms:created>
  <dcterms:modified xsi:type="dcterms:W3CDTF">2021-08-18T01:38:10Z</dcterms:modified>
</cp:coreProperties>
</file>